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6-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6-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aarbee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612EDCE6-1BD9-C207-9AD3-397D4C770ED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2567" y="5009075"/>
            <a:ext cx="2122778" cy="166001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D5BAD1FE-8566-FCB8-20CC-803AB1326D7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71035" y="3712021"/>
            <a:ext cx="2122778" cy="166001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06T06:29:03Z</dcterms:modified>
</cp:coreProperties>
</file>